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7"/>
  </p:sldMasterIdLst>
  <p:notesMasterIdLst>
    <p:notesMasterId r:id="rId30"/>
  </p:notesMasterIdLst>
  <p:handoutMasterIdLst>
    <p:handoutMasterId r:id="rId31"/>
  </p:handoutMasterIdLst>
  <p:sldIdLst>
    <p:sldId id="349" r:id="rId18"/>
    <p:sldId id="436" r:id="rId19"/>
    <p:sldId id="477" r:id="rId20"/>
    <p:sldId id="484" r:id="rId21"/>
    <p:sldId id="481" r:id="rId22"/>
    <p:sldId id="482" r:id="rId23"/>
    <p:sldId id="483" r:id="rId24"/>
    <p:sldId id="479" r:id="rId25"/>
    <p:sldId id="473" r:id="rId26"/>
    <p:sldId id="485" r:id="rId27"/>
    <p:sldId id="435" r:id="rId28"/>
    <p:sldId id="363" r:id="rId29"/>
  </p:sldIdLst>
  <p:sldSz cx="12192000" cy="6858000"/>
  <p:notesSz cx="6858000" cy="9144000"/>
  <p:embeddedFontLst>
    <p:embeddedFont>
      <p:font typeface="Veidekke Favorit Offc" panose="020B0504030202060203" pitchFamily="34" charset="0"/>
      <p:regular r:id="rId32"/>
      <p:bold r:id="rId33"/>
      <p:italic r:id="rId34"/>
      <p:boldItalic r:id="rId35"/>
    </p:embeddedFont>
  </p:embeddedFontLst>
  <p:defaultTextStyle>
    <a:defPPr rtl="0">
      <a:defRPr lang="pl-PL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93" autoAdjust="0"/>
    <p:restoredTop sz="94741" autoAdjust="0"/>
  </p:normalViewPr>
  <p:slideViewPr>
    <p:cSldViewPr snapToGrid="0" showGuides="1">
      <p:cViewPr varScale="1">
        <p:scale>
          <a:sx n="161" d="100"/>
          <a:sy n="161" d="100"/>
        </p:scale>
        <p:origin x="150" y="16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3672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39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4.xml"/><Relationship Id="rId34" Type="http://schemas.openxmlformats.org/officeDocument/2006/relationships/font" Target="fonts/font3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slide" Target="slides/slide8.xml"/><Relationship Id="rId33" Type="http://schemas.openxmlformats.org/officeDocument/2006/relationships/font" Target="fonts/font2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slide" Target="slides/slide1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font" Target="fonts/font1.fntdata"/><Relationship Id="rId37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slide" Target="slides/slide11.xml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notesMaster" Target="notesMasters/notesMaster1.xml"/><Relationship Id="rId35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13F6AEEE-E778-402E-8B8F-9A98AED26EB8}" type="datetimeFigureOut">
              <a:rPr lang="en-GB" smtClean="0"/>
              <a:t>26/08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pl-pl"/>
              <a:t>Edit Master text styles</a:t>
            </a:r>
          </a:p>
          <a:p>
            <a:pPr lvl="1" rtl="0"/>
            <a:r>
              <a:rPr lang="pl-pl"/>
              <a:t>Second level</a:t>
            </a:r>
          </a:p>
          <a:p>
            <a:pPr lvl="2" rtl="0"/>
            <a:r>
              <a:rPr lang="pl-pl"/>
              <a:t>Third level</a:t>
            </a:r>
          </a:p>
          <a:p>
            <a:pPr lvl="3" rtl="0"/>
            <a:r>
              <a:rPr lang="pl-pl"/>
              <a:t>Fourth level</a:t>
            </a:r>
          </a:p>
          <a:p>
            <a:pPr lvl="4" rtl="0"/>
            <a:r>
              <a:rPr lang="pl-pl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pPr rtl="0"/>
            <a:fld id="{1386E511-D742-4EFE-90B5-C9FC42762E0F}" type="datetimeFigureOut">
              <a:rPr lang="en-GB" smtClean="0"/>
              <a:pPr rtl="0"/>
              <a:t>26/08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pPr rtl="0"/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pPr rtl="0"/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pPr rt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rtlCol="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Forside tittel</a:t>
            </a:r>
            <a:br>
              <a:rPr lang="nb-NO" dirty="0"/>
            </a:br>
            <a:r>
              <a:rPr lang="pl-pl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pl-pl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pl-pl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pl-pl" noProof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pl-pl" noProof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pl-pl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pl-pl"/>
              <a:t>Underoverskrif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pl-pl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pl-pl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pl-pl" noProof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pl-pl"/>
              <a:t>Underoverskrift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pl-pl" noProof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pl-pl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pl-pl" noProof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pl-pl"/>
              <a:t>Underoverskrift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 rtlCol="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 rtlCol="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 rtl="0"/>
            <a:r>
              <a:rPr lang="pl-pl"/>
              <a:t>klikk for å legge til tekst, endre bak-grunnsfarge: form fylle</a:t>
            </a:r>
            <a:endParaRPr lang="nb-NO"/>
          </a:p>
          <a:p>
            <a:pPr lvl="1" rtl="0"/>
            <a:r>
              <a:rPr lang="pl-pl"/>
              <a:t>Second level</a:t>
            </a:r>
            <a:endParaRPr lang="nb-NO"/>
          </a:p>
          <a:p>
            <a:pPr lvl="2" rtl="0"/>
            <a:r>
              <a:rPr lang="pl-pl"/>
              <a:t>Third level</a:t>
            </a:r>
            <a:endParaRPr lang="nb-NO"/>
          </a:p>
          <a:p>
            <a:pPr lvl="3" rtl="0"/>
            <a:r>
              <a:rPr lang="pl-pl"/>
              <a:t>Fourth level</a:t>
            </a:r>
            <a:endParaRPr lang="nb-NO"/>
          </a:p>
          <a:p>
            <a:pPr lvl="4" rtl="0"/>
            <a:r>
              <a:rPr lang="pl-pl"/>
              <a:t>Fifth level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rtlCol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Forside tittel</a:t>
            </a:r>
            <a:br>
              <a:rPr lang="nb-NO" dirty="0"/>
            </a:br>
            <a:r>
              <a:rPr lang="pl-pl"/>
              <a:t>max 3 rader lång</a:t>
            </a:r>
            <a:endParaRPr lang="nb-NO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pl-pl"/>
              <a:t>Klikk for å legge til dato eller tekst</a:t>
            </a:r>
            <a:endParaRPr lang="nb-NO"/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pl-pl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6" name="GeneralDate" descr="{&quot;templafy&quot;:{&quot;id&quot;:&quot;46aed2e5-3ac1-46fa-84fd-85d36442f7b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descr="{&quot;templafy&quot;:{&quot;id&quot;:&quot;9f2ed2ef-973c-48a3-995e-de2588c98cf0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 rtlCol="0"/>
          <a:lstStyle>
            <a:lvl5pPr>
              <a:defRPr/>
            </a:lvl5pPr>
          </a:lstStyle>
          <a:p>
            <a:pPr lvl="0" rtl="0"/>
            <a:r>
              <a:rPr lang="pl-pl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 dirty="0"/>
          </a:p>
          <a:p>
            <a:pPr lvl="1" rtl="0"/>
            <a:r>
              <a:rPr lang="pl-pl"/>
              <a:t>Second level</a:t>
            </a:r>
            <a:endParaRPr lang="nb-NO"/>
          </a:p>
          <a:p>
            <a:pPr lvl="2" rtl="0"/>
            <a:r>
              <a:rPr lang="pl-pl"/>
              <a:t>Third level</a:t>
            </a:r>
            <a:endParaRPr lang="nb-NO"/>
          </a:p>
          <a:p>
            <a:pPr lvl="3" rtl="0"/>
            <a:r>
              <a:rPr lang="pl-pl"/>
              <a:t>Fourth level</a:t>
            </a:r>
            <a:endParaRPr lang="nb-NO"/>
          </a:p>
          <a:p>
            <a:pPr lvl="4" rtl="0"/>
            <a:r>
              <a:rPr lang="pl-pl"/>
              <a:t>Fifth level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7" name="GeneralDate" descr="{&quot;templafy&quot;:{&quot;id&quot;:&quot;4dd498e5-03d1-43c6-8f5d-cc2e8ea74b38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pl-pl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 dirty="0"/>
          </a:p>
          <a:p>
            <a:pPr lvl="1" rtl="0"/>
            <a:r>
              <a:rPr lang="pl-pl"/>
              <a:t>Second level</a:t>
            </a:r>
            <a:endParaRPr lang="nb-NO"/>
          </a:p>
          <a:p>
            <a:pPr lvl="2" rtl="0"/>
            <a:r>
              <a:rPr lang="pl-pl"/>
              <a:t>Third level</a:t>
            </a:r>
            <a:endParaRPr lang="nb-NO"/>
          </a:p>
          <a:p>
            <a:pPr lvl="3" rtl="0"/>
            <a:r>
              <a:rPr lang="pl-pl"/>
              <a:t>Fourth level</a:t>
            </a:r>
            <a:endParaRPr lang="nb-NO"/>
          </a:p>
          <a:p>
            <a:pPr lvl="4" rtl="0"/>
            <a:r>
              <a:rPr lang="pl-pl"/>
              <a:t>Fifth level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descr="{&quot;templafy&quot;:{&quot;id&quot;:&quot;050b0b12-9144-4735-9d7c-18693880f753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 dirty="0"/>
          </a:p>
          <a:p>
            <a:pPr lvl="1" rtl="0"/>
            <a:r>
              <a:rPr lang="pl-pl"/>
              <a:t>Second level</a:t>
            </a:r>
            <a:endParaRPr lang="nb-NO"/>
          </a:p>
          <a:p>
            <a:pPr lvl="2" rtl="0"/>
            <a:r>
              <a:rPr lang="pl-pl"/>
              <a:t>Third level</a:t>
            </a:r>
            <a:endParaRPr lang="nb-NO"/>
          </a:p>
          <a:p>
            <a:pPr lvl="3" rtl="0"/>
            <a:r>
              <a:rPr lang="pl-pl"/>
              <a:t>Fourth level</a:t>
            </a:r>
            <a:endParaRPr lang="nb-NO"/>
          </a:p>
          <a:p>
            <a:pPr lvl="4" rtl="0"/>
            <a:r>
              <a:rPr lang="pl-pl"/>
              <a:t>Fifth level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descr="{&quot;templafy&quot;:{&quot;id&quot;:&quot;c76a40f7-4e36-46bf-b4b1-874c0d6a4626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rtlCol="0" anchor="b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rtlCol="0" anchor="b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</a:t>
            </a:r>
            <a:r>
              <a:rPr lang="pl-pl" noProof="1"/>
              <a:t>Fotoware</a:t>
            </a:r>
            <a:r>
              <a:rPr lang="pl-pl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</a:t>
            </a:r>
            <a:r>
              <a:rPr lang="pl-pl" noProof="1"/>
              <a:t>Fotoware</a:t>
            </a:r>
            <a:r>
              <a:rPr lang="pl-pl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rtlCol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pPr rtl="0"/>
            <a:r>
              <a:rPr lang="pl-pl"/>
              <a:t>Forside tittel</a:t>
            </a:r>
            <a:br>
              <a:rPr lang="nb-NO" dirty="0"/>
            </a:br>
            <a:r>
              <a:rPr lang="pl-pl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pl-pl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pl-pl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1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1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 rtlCol="0"/>
          <a:lstStyle/>
          <a:p>
            <a:pPr lvl="0" rtl="0"/>
            <a:r>
              <a:rPr lang="pl-pl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descr="{&quot;templafy&quot;:{&quot;id&quot;:&quot;73558291-99e8-4bb2-bbe9-7b108a94c934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 rtl="0"/>
            <a:r>
              <a:rPr lang="pl-pl" noProof="0"/>
              <a:t>Klikk for å legge til tekst</a:t>
            </a:r>
            <a:endParaRPr lang="nb-NO" dirty="0"/>
          </a:p>
          <a:p>
            <a:pPr lvl="1" rtl="0"/>
            <a:r>
              <a:rPr lang="pl-pl"/>
              <a:t>Second level</a:t>
            </a:r>
            <a:endParaRPr lang="nb-NO"/>
          </a:p>
          <a:p>
            <a:pPr lvl="2" rtl="0"/>
            <a:r>
              <a:rPr lang="pl-pl"/>
              <a:t>Third level</a:t>
            </a:r>
            <a:endParaRPr lang="nb-NO"/>
          </a:p>
          <a:p>
            <a:pPr lvl="3" rtl="0"/>
            <a:r>
              <a:rPr lang="pl-pl"/>
              <a:t>Fourth level</a:t>
            </a:r>
            <a:endParaRPr lang="nb-NO"/>
          </a:p>
          <a:p>
            <a:pPr lvl="4" rtl="0"/>
            <a:r>
              <a:rPr lang="pl-pl"/>
              <a:t>Fifth level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pl-pl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 rtlCol="0"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pPr rtl="0"/>
            <a:r>
              <a:rPr lang="pl-pl"/>
              <a:t>Klikk for å legge til tittel, skriv ord med fet skrift for å utheve 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pl-pl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9b3375d-6b6e-4bb5-bd57-d1d9744c8838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pPr rtl="0"/>
            <a:r>
              <a:rPr lang="pl-pl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daa6f49-e761-4b0e-842b-49f548523209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a80987a-4438-4875-acb8-1ebb56a754aa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pl-pl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66fdd8d-9f3e-425d-aa28-65f087b83291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4fab98c-d9df-4420-b306-de4be1aa6b4d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pl-pl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ord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8496081-e73f-4285-a1fe-2e02fbcfb6a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9d449e-e9f5-4af5-8550-bd11b74f2c4f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pPr rtl="0"/>
            <a:r>
              <a:rPr lang="pl-pl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766fc33-7541-4daa-baf1-435494098a51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 rtlCol="0"/>
          <a:lstStyle>
            <a:lvl1pPr>
              <a:lnSpc>
                <a:spcPct val="83000"/>
              </a:lnSpc>
              <a:defRPr sz="5400"/>
            </a:lvl1pPr>
          </a:lstStyle>
          <a:p>
            <a:pPr rtl="0"/>
            <a:r>
              <a:rPr lang="pl-pl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 rtlCol="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 rtl="0"/>
            <a:r>
              <a:rPr lang="pl-pl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 rtlCol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 rtl="0"/>
            <a:r>
              <a:rPr lang="pl-pl"/>
              <a:t>01.</a:t>
            </a:r>
            <a:endParaRPr lang="nb-NO"/>
          </a:p>
          <a:p>
            <a:pPr lvl="1" rtl="0"/>
            <a:r>
              <a:rPr lang="pl-pl"/>
              <a:t>2</a:t>
            </a:r>
            <a:endParaRPr lang="nb-NO"/>
          </a:p>
          <a:p>
            <a:pPr lvl="2" rtl="0"/>
            <a:r>
              <a:rPr lang="pl-pl"/>
              <a:t>3</a:t>
            </a:r>
            <a:endParaRPr lang="nb-NO"/>
          </a:p>
          <a:p>
            <a:pPr lvl="3" rtl="0"/>
            <a:r>
              <a:rPr lang="pl-pl"/>
              <a:t>4</a:t>
            </a:r>
            <a:endParaRPr lang="nb-NO"/>
          </a:p>
          <a:p>
            <a:pPr lvl="4" rtl="0"/>
            <a:r>
              <a:rPr lang="pl-pl"/>
              <a:t>5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05f3f0e9-52d1-4204-8085-5a41356ad828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68c20f-5c33-45d3-a014-80185ace1526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pl-pl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0df271a7-d9b5-454c-8cc2-adf8592b03be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ce0d412b-4ecf-45d8-8fff-c78a5e9088ea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pl-pl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4c6b0f36-e881-4c7f-939e-d408bd5780c6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rtlCol="0"/>
          <a:lstStyle>
            <a:lvl1pPr algn="l">
              <a:defRPr sz="1200">
                <a:noFill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 rtlCol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rtl="0"/>
            <a:r>
              <a:rPr lang="pl-pl"/>
              <a:t>Klikk på plassholderen og lim inn det mørke bildet via Fotoware-ikonet i Templafy-panelet</a:t>
            </a:r>
            <a:endParaRPr lang="nb-NO"/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>
                <a:noFill/>
              </a:defRPr>
            </a:lvl1pPr>
          </a:lstStyle>
          <a:p>
            <a:pPr lvl="0" rtl="0"/>
            <a:r>
              <a:rPr lang="pl-pl"/>
              <a:t>.</a:t>
            </a:r>
            <a:endParaRPr lang="nb-NO"/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 rtlCol="0"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pl-pl"/>
              <a:t>Klikk for å legge til dato eller teks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pl-pl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 rtl="0">
              <a:spcAft>
                <a:spcPts val="600"/>
              </a:spcAft>
              <a:buFont typeface="+mj-lt"/>
              <a:buNone/>
            </a:pPr>
            <a:r>
              <a:rPr lang="pl-pl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pl-pl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pl-pl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pl-pl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pl-pl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pl-pl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 dirty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 rtl="0">
              <a:spcAft>
                <a:spcPts val="0"/>
              </a:spcAft>
              <a:buFont typeface="+mj-lt"/>
              <a:buNone/>
            </a:pPr>
            <a:r>
              <a:rPr lang="pl-pl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pl-pl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pl-pl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rtl="0"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pl-pl" sz="900" b="0" i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pl-pl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 dirty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pl-pl" sz="900" b="1" kern="120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 dirty="0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pl-pl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rtl="0"/>
            <a:r>
              <a:rPr lang="pl-pl" sz="3200" b="0" i="0" u="none" strike="noStrike" kern="1200" cap="none" spc="0" normalizeH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to jump through levels. Click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rtl="0"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pl-pl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pl-pl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pl-pl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pl-pl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pl-pl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 rtl="0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 rtl="0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rtl="0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pl-pl" sz="4400" b="0" noProof="0">
                <a:solidFill>
                  <a:schemeClr val="tx1"/>
                </a:solidFill>
              </a:rPr>
              <a:t>If you see any </a:t>
            </a:r>
            <a:r>
              <a:rPr lang="pl-pl" sz="4400" b="1" i="1" noProof="0">
                <a:solidFill>
                  <a:schemeClr val="tx1"/>
                </a:solidFill>
              </a:rPr>
              <a:t>layouts after this </a:t>
            </a:r>
            <a:r>
              <a:rPr lang="pl-pl" sz="4400" b="0" i="0" noProof="0">
                <a:solidFill>
                  <a:schemeClr val="tx1"/>
                </a:solidFill>
              </a:rPr>
              <a:t>one</a:t>
            </a:r>
            <a:r>
              <a:rPr lang="pl-pl" sz="4400" b="1" i="1" noProof="0">
                <a:solidFill>
                  <a:schemeClr val="tx1"/>
                </a:solidFill>
              </a:rPr>
              <a:t>,</a:t>
            </a:r>
            <a:br>
              <a:rPr lang="nb-NO" sz="4400" b="0" i="0" noProof="0" dirty="0">
                <a:solidFill>
                  <a:schemeClr val="tx1"/>
                </a:solidFill>
              </a:rPr>
            </a:br>
            <a:r>
              <a:rPr lang="pl-pl" sz="4400" b="0" noProof="0">
                <a:solidFill>
                  <a:schemeClr val="tx1"/>
                </a:solidFill>
              </a:rPr>
              <a:t>do not use them. These layouts </a:t>
            </a:r>
            <a:r>
              <a:rPr lang="pl-pl" sz="4400" b="1" i="1" u="none" noProof="0">
                <a:solidFill>
                  <a:schemeClr val="tx1"/>
                </a:solidFill>
              </a:rPr>
              <a:t>are not </a:t>
            </a:r>
            <a:r>
              <a:rPr lang="pl-pl" sz="4400" b="0" noProof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tx1"/>
                </a:solidFill>
              </a:rPr>
            </a:br>
            <a:br>
              <a:rPr lang="nb-NO" sz="2800" b="0" noProof="0" dirty="0">
                <a:solidFill>
                  <a:schemeClr val="tx1"/>
                </a:solidFill>
              </a:rPr>
            </a:br>
            <a:endParaRPr lang="nb-NO" sz="28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 rtl="0"/>
            <a:r>
              <a:rPr lang="pl-pl" sz="13800" b="1" i="1" noProof="0">
                <a:solidFill>
                  <a:schemeClr val="tx1"/>
                </a:solidFill>
              </a:rPr>
              <a:t>Do not use </a:t>
            </a:r>
            <a:endParaRPr lang="nb-NO" sz="24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pl-pl" sz="2000" b="0" noProof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pl-pl" sz="2000" b="0" noProof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tx1"/>
                </a:solidFill>
              </a:rPr>
            </a:br>
            <a:endParaRPr lang="nb-NO" sz="1800" b="0" noProof="0" dirty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nb-NO"/>
              <a:t>18. august 2022</a:t>
            </a:r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6="http://schemas.microsoft.com/office/drawing/2014/main" xmlns:p14="http://schemas.microsoft.com/office/powerpoint/2010/main" xmlns:p15="http://schemas.microsoft.com/office/powerpoint/2012/main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 rtlCol="0"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pPr rtl="0"/>
            <a:r>
              <a:rPr lang="pl-pl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 rtlCol="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 rtl="0"/>
            <a:r>
              <a:rPr lang="pl-pl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 rtlCol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 rtl="0"/>
            <a:r>
              <a:rPr lang="pl-pl"/>
              <a:t>01.</a:t>
            </a:r>
            <a:endParaRPr lang="nb-NO"/>
          </a:p>
          <a:p>
            <a:pPr lvl="1" rtl="0"/>
            <a:r>
              <a:rPr lang="pl-pl"/>
              <a:t>2</a:t>
            </a:r>
            <a:endParaRPr lang="nb-NO"/>
          </a:p>
          <a:p>
            <a:pPr lvl="2" rtl="0"/>
            <a:r>
              <a:rPr lang="pl-pl"/>
              <a:t>3</a:t>
            </a:r>
            <a:endParaRPr lang="nb-NO"/>
          </a:p>
          <a:p>
            <a:pPr lvl="3" rtl="0"/>
            <a:r>
              <a:rPr lang="pl-pl"/>
              <a:t>4</a:t>
            </a:r>
            <a:endParaRPr lang="nb-NO"/>
          </a:p>
          <a:p>
            <a:pPr lvl="4" rtl="0"/>
            <a:r>
              <a:rPr lang="pl-pl"/>
              <a:t>5</a:t>
            </a:r>
            <a:endParaRPr lang="nb-NO"/>
          </a:p>
          <a:p>
            <a:pPr lvl="5" rtl="0"/>
            <a:r>
              <a:rPr lang="pl-pl"/>
              <a:t>6</a:t>
            </a:r>
            <a:endParaRPr lang="nb-NO"/>
          </a:p>
          <a:p>
            <a:pPr lvl="6" rtl="0"/>
            <a:r>
              <a:rPr lang="pl-pl"/>
              <a:t>7</a:t>
            </a:r>
            <a:endParaRPr lang="nb-NO"/>
          </a:p>
          <a:p>
            <a:pPr lvl="7" rtl="0"/>
            <a:r>
              <a:rPr lang="pl-pl"/>
              <a:t>8</a:t>
            </a:r>
            <a:endParaRPr lang="nb-NO"/>
          </a:p>
          <a:p>
            <a:pPr lvl="8" rtl="0"/>
            <a:r>
              <a:rPr lang="pl-pl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dba97f9d-a039-4d32-bc1f-7e9a1a006a9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pPr rtl="0"/>
            <a:r>
              <a:rPr lang="pl-pl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pl-pl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pPr rtl="0"/>
            <a:r>
              <a:rPr lang="pl-pl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pl-pl"/>
              <a:t>02</a:t>
            </a:r>
            <a:endParaRPr lang="nb-NO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pPr rtl="0"/>
            <a:r>
              <a:rPr lang="pl-pl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pl-pl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pl-pl"/>
              <a:t>Tittel første linje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pl-pl"/>
              <a:t>Undertittel andre linje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pl-pl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pl-pl" noProof="0"/>
              <a:t>Second level</a:t>
            </a:r>
            <a:endParaRPr lang="nb-NO"/>
          </a:p>
          <a:p>
            <a:pPr lvl="2" rtl="0"/>
            <a:r>
              <a:rPr lang="pl-pl" noProof="0"/>
              <a:t>Third level</a:t>
            </a:r>
            <a:endParaRPr lang="nb-NO"/>
          </a:p>
          <a:p>
            <a:pPr lvl="3" rtl="0"/>
            <a:r>
              <a:rPr lang="pl-pl" noProof="0"/>
              <a:t>Fourth level</a:t>
            </a:r>
            <a:endParaRPr lang="nb-NO"/>
          </a:p>
          <a:p>
            <a:pPr lvl="4" rtl="0"/>
            <a:r>
              <a:rPr lang="pl-pl" noProof="0"/>
              <a:t>Fifth level</a:t>
            </a:r>
            <a:endParaRPr lang="nb-NO"/>
          </a:p>
          <a:p>
            <a:pPr lvl="5" rtl="0"/>
            <a:r>
              <a:rPr lang="pl-pl" noProof="0"/>
              <a:t>6</a:t>
            </a:r>
            <a:endParaRPr lang="nb-NO"/>
          </a:p>
          <a:p>
            <a:pPr lvl="6" rtl="0"/>
            <a:r>
              <a:rPr lang="pl-pl" noProof="0"/>
              <a:t>7</a:t>
            </a:r>
            <a:endParaRPr lang="nb-NO"/>
          </a:p>
          <a:p>
            <a:pPr lvl="7" rtl="0"/>
            <a:r>
              <a:rPr lang="pl-pl" noProof="0"/>
              <a:t>8</a:t>
            </a:r>
            <a:endParaRPr lang="nb-NO"/>
          </a:p>
          <a:p>
            <a:pPr lvl="8" rtl="0"/>
            <a:r>
              <a:rPr lang="pl-pl" noProof="0"/>
              <a:t>9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pPr rtl="0"/>
            <a:endParaRPr lang="nb-NO" dirty="0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pl-pl"/>
              <a:t>Click to edit Master title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pl-pl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 dirty="0"/>
          </a:p>
          <a:p>
            <a:pPr lvl="1" rtl="0"/>
            <a:r>
              <a:rPr lang="pl-pl" noProof="0"/>
              <a:t>Second level</a:t>
            </a:r>
            <a:endParaRPr lang="nb-NO" dirty="0"/>
          </a:p>
          <a:p>
            <a:pPr lvl="2" rtl="0"/>
            <a:r>
              <a:rPr lang="pl-pl" noProof="0"/>
              <a:t>Third level</a:t>
            </a:r>
            <a:endParaRPr lang="nb-NO" dirty="0"/>
          </a:p>
          <a:p>
            <a:pPr lvl="3" rtl="0"/>
            <a:r>
              <a:rPr lang="pl-pl" noProof="0"/>
              <a:t>Fourth level</a:t>
            </a:r>
            <a:endParaRPr lang="nb-NO" dirty="0"/>
          </a:p>
          <a:p>
            <a:pPr lvl="4" rtl="0"/>
            <a:r>
              <a:rPr lang="pl-pl" noProof="0"/>
              <a:t>Fifth level</a:t>
            </a:r>
            <a:endParaRPr lang="nb-NO" dirty="0"/>
          </a:p>
          <a:p>
            <a:pPr lvl="5" rtl="0"/>
            <a:r>
              <a:rPr lang="pl-pl" noProof="0"/>
              <a:t>6 level</a:t>
            </a:r>
            <a:endParaRPr lang="nb-NO" dirty="0"/>
          </a:p>
          <a:p>
            <a:pPr lvl="6" rtl="0"/>
            <a:r>
              <a:rPr lang="pl-pl" noProof="0"/>
              <a:t>7 level</a:t>
            </a:r>
            <a:endParaRPr lang="nb-NO" dirty="0"/>
          </a:p>
          <a:p>
            <a:pPr lvl="7" rtl="0"/>
            <a:r>
              <a:rPr lang="pl-pl" noProof="0"/>
              <a:t>8 level</a:t>
            </a:r>
            <a:endParaRPr lang="nb-NO" dirty="0"/>
          </a:p>
          <a:p>
            <a:pPr lvl="8" rtl="0"/>
            <a:r>
              <a:rPr lang="pl-pl" noProof="0"/>
              <a:t>9 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 descr="{&quot;templafy&quot;:{&quot;id&quot;:&quot;be896c7b-478c-4ee6-aaf1-e96ad096556e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 xmlns:a14="http://schemas.microsoft.com/office/drawing/2010/main" xmlns:a16="http://schemas.microsoft.com/office/drawing/2014/main" xmlns:asvg="http://schemas.microsoft.com/office/drawing/2016/SVG/main" xmlns:p14="http://schemas.microsoft.com/office/powerpoint/2010/main" xmlns:p15="http://schemas.microsoft.com/office/powerpoint/2012/main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4" Type="http://schemas.openxmlformats.org/officeDocument/2006/relationships/image" Target="../media/image25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Relationship Id="rId4" Type="http://schemas.openxmlformats.org/officeDocument/2006/relationships/image" Target="../media/image2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6.xml"/><Relationship Id="rId5" Type="http://schemas.openxmlformats.org/officeDocument/2006/relationships/image" Target="../media/image32.jpeg"/><Relationship Id="rId4" Type="http://schemas.openxmlformats.org/officeDocument/2006/relationships/image" Target="../media/image31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s://youtu.be/iKvgnEAsBws" TargetMode="Externa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Czy możesz być całym sobą w pracy?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 rtlCol="0"/>
          <a:lstStyle/>
          <a:p>
            <a:pPr rtl="0"/>
            <a:r>
              <a:rPr lang="pl-pl"/>
              <a:t>Tydzień BHP w Veidekke 2022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 rtlCol="0"/>
          <a:lstStyle/>
          <a:p>
            <a:pPr rtl="0"/>
            <a:r>
              <a:rPr lang="pl-pl"/>
              <a:t>Temat: Środowisko pracy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FC464DD3-2672-901C-2FF0-745DED11251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2790825"/>
            <a:ext cx="4471988" cy="736600"/>
          </a:xfrm>
        </p:spPr>
        <p:txBody>
          <a:bodyPr rtlCol="0"/>
          <a:lstStyle/>
          <a:p>
            <a:pPr rtl="0"/>
            <a:r>
              <a:rPr lang="nb-NO"/>
              <a:t>18.08.2022</a:t>
            </a:r>
            <a:endParaRPr lang="nb-NO" dirty="0"/>
          </a:p>
        </p:txBody>
      </p:sp>
      <p:pic>
        <p:nvPicPr>
          <p:cNvPr id="19" name="Plassholder for bilde 18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5B1E0B1E-29F3-4FB6-84E1-EE022320F720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34000" y="0"/>
            <a:ext cx="6858000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2438480-D7FE-4CD8-BE64-D5C6C21070F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pic>
        <p:nvPicPr>
          <p:cNvPr id="10" name="Plassholder for bilde 9" descr="Et bilde som inneholder innendørs, vegg, person&#10;&#10;Automatisk generert beskrivelse">
            <a:extLst>
              <a:ext uri="{FF2B5EF4-FFF2-40B4-BE49-F238E27FC236}">
                <a16:creationId xmlns:a16="http://schemas.microsoft.com/office/drawing/2014/main" id="{DC6C996A-EE2D-481A-8EA3-1FB9B40F2227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52"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E8918F32-76ED-4DF3-BA07-DFB61D9B08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Ćwiczenia refleksyjne po filmie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ED3990-F84F-446A-85BC-A3AAB0D5BEA5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pl-pl"/>
              <a:t>Przeznacz na tę część wystarczająco dużo czasu, co najmniej 40 minut</a:t>
            </a:r>
          </a:p>
          <a:p>
            <a:pPr marL="0" indent="0" rtl="0">
              <a:buNone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pl-pl" sz="1800"/>
              <a:t>Dobierzcie się w grupy dwu- lub trzyosobowe </a:t>
            </a:r>
          </a:p>
          <a:p>
            <a:pPr marL="342900" indent="-342900" rtl="0">
              <a:buFont typeface="+mj-lt"/>
              <a:buAutoNum type="arabicPeriod"/>
            </a:pPr>
            <a:r>
              <a:rPr lang="pl-pl" sz="1800"/>
              <a:t>Przeprowadź ćwiczenia refleksyjne </a:t>
            </a:r>
          </a:p>
          <a:p>
            <a:pPr marL="342900" indent="-342900" rtl="0">
              <a:buFont typeface="+mj-lt"/>
              <a:buAutoNum type="arabicPeriod"/>
            </a:pPr>
            <a:r>
              <a:rPr lang="pl-pl" sz="1800"/>
              <a:t>Następnie omów odpowiedzi w formie dyskusji plenarnej </a:t>
            </a:r>
          </a:p>
          <a:p>
            <a:pPr rtl="0"/>
            <a:endParaRPr lang="nb-NO" dirty="0"/>
          </a:p>
          <a:p>
            <a:pPr marL="0" indent="0" rtl="0">
              <a:buNone/>
            </a:pPr>
            <a:r>
              <a:rPr lang="pl-pl" sz="1800"/>
              <a:t>Celem ćwiczeń refleksyjnych jest dla przemyślenie przez nas wszystkich, jakie działania na rzecz dobrego środowiska pracy są właściwe i co wpływa na zdrowie psychiczne i fizyczne w naszym codziennym życiu zawodowym.</a:t>
            </a:r>
            <a:endParaRPr lang="nb-NO" dirty="0"/>
          </a:p>
          <a:p>
            <a:pPr rtl="0"/>
            <a:endParaRPr lang="nb-NO" dirty="0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EEB12E98-7080-4341-BE1D-6C97447E6A6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0833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 spc="0"/>
              <a:t>Ćwiczenia refleksyjne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B7D94EA9-2650-FC10-0723-52C2342C96B8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342900" indent="-342900" rtl="0">
              <a:buFont typeface="+mj-lt"/>
              <a:buAutoNum type="arabicPeriod"/>
            </a:pPr>
            <a:r>
              <a:rPr lang="pl-pl" sz="2400"/>
              <a:t>Czego potrzeba, aby mieć dobry dzień w pracy? Opisz, co dla Ciebie charakteryzuje dobry dzień pracy.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+mj-lt"/>
              <a:ea typeface="Calibri" panose="020F0502020204030204" pitchFamily="34" charset="0"/>
            </a:endParaRPr>
          </a:p>
          <a:p>
            <a:pPr marL="342900" indent="-342900" rtl="0">
              <a:buFont typeface="+mj-lt"/>
              <a:buAutoNum type="arabicPeriod"/>
            </a:pPr>
            <a:r>
              <a:rPr lang="pl-pl" sz="2400">
                <a:solidFill>
                  <a:srgbClr val="000000"/>
                </a:solidFill>
                <a:latin typeface="+mj-lt"/>
                <a:ea typeface="Calibri" panose="020F0502020204030204" pitchFamily="34" charset="0"/>
              </a:rPr>
              <a:t>Jak możesz przyczynić się do tego, </a:t>
            </a:r>
            <a:r>
              <a:rPr lang="pl-pl" sz="2400"/>
              <a:t>by wszyscy wokół Ciebie mogli być całym sobą w pracy?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r>
              <a:rPr lang="pl-pl" sz="2400"/>
              <a:t>W jaki sposób można ulepszyć planowanie, przygotowywanie i organizację, aby wzmocnić Wasze środowisko pracy?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r>
              <a:rPr lang="pl-pl" sz="2400"/>
              <a:t>Co jeszcze można wzmocnić i/lub poprawić w Waszym środowisku pracy?</a:t>
            </a:r>
            <a:endParaRPr lang="nb-NO" sz="2400" dirty="0">
              <a:latin typeface="+mj-lt"/>
            </a:endParaRP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Arial" panose="020B0604020202020204" pitchFamily="34" charset="0"/>
              <a:ea typeface="Calibri" panose="020F0502020204030204" pitchFamily="34" charset="0"/>
            </a:endParaRP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1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 rtlCol="0"/>
          <a:lstStyle/>
          <a:p>
            <a:pPr rtl="0"/>
            <a:r>
              <a:rPr lang="pl-pl"/>
              <a:t>Dziękujemy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2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Jak zrealizować wspólny program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6C786F88-33D4-4965-A08B-87102F03F56B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 rtlCol="0"/>
          <a:lstStyle/>
          <a:p>
            <a:pPr rtl="0"/>
            <a:r>
              <a:rPr lang="pl-pl" sz="2800"/>
              <a:t>Czas trwania: zaplanuj </a:t>
            </a:r>
            <a:r>
              <a:rPr lang="pl-pl"/>
              <a:t>wystarczająco dużo czasu, co najmniej 60 minut</a:t>
            </a:r>
            <a:endParaRPr lang="nb-NO" sz="2800" dirty="0"/>
          </a:p>
          <a:p>
            <a:pPr rtl="0"/>
            <a:endParaRPr lang="nb-NO" dirty="0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342900" indent="-342900" rtl="0">
              <a:buFont typeface="+mj-lt"/>
              <a:buAutoNum type="arabicPeriod"/>
            </a:pPr>
            <a:r>
              <a:rPr lang="pl-pl"/>
              <a:t>Wprowadzenie do tegorocznego tematu, zachęcamy do wykorzystania tej prezentacji PowerPoint (10 minut)</a:t>
            </a:r>
          </a:p>
          <a:p>
            <a:pPr marL="342900" indent="-342900" rtl="0">
              <a:buFont typeface="+mj-lt"/>
              <a:buAutoNum type="arabicPeriod"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pl-pl"/>
              <a:t>Odtwórz tegoroczny film na Tydzień BHP na dużym ekranie, ewentualnie przez telefon komórkowy (10 minut)</a:t>
            </a:r>
          </a:p>
          <a:p>
            <a:pPr marL="342900" indent="-342900" rtl="0">
              <a:buFont typeface="+mj-lt"/>
              <a:buAutoNum type="arabicPeriod"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pl-pl"/>
              <a:t>Przeprowadź ćwiczenie refleksyjne w małych grupach. Dobierzcie się w grupy dwu- lub trzyosobowe. Następnie omówcie odpowiedzi w formie dyskusji plenarnej. (Zaplanuj wystarczająco dużo czasu – co najmniej 40 minut)</a:t>
            </a:r>
          </a:p>
          <a:p>
            <a:pPr rtl="0"/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4">
            <a:extLst>
              <a:ext uri="{FF2B5EF4-FFF2-40B4-BE49-F238E27FC236}">
                <a16:creationId xmlns:a16="http://schemas.microsoft.com/office/drawing/2014/main" id="{D3535FD2-AD9D-4CD5-BF25-CE56FAF4147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DE30689F-DA37-4395-8AB2-879626D31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4737658" cy="4216220"/>
          </a:xfrm>
        </p:spPr>
        <p:txBody>
          <a:bodyPr rtlCol="0"/>
          <a:lstStyle/>
          <a:p>
            <a:pPr rtl="0"/>
            <a:r>
              <a:rPr lang="pl-pl"/>
              <a:t>Tematem Tygodnia BHP 2022 jest środowisko pracy</a:t>
            </a:r>
            <a:br>
              <a:rPr lang="nb-NO" dirty="0"/>
            </a:br>
            <a:br>
              <a:rPr lang="nb-NO" dirty="0"/>
            </a:br>
            <a:br>
              <a:rPr lang="nb-NO" dirty="0"/>
            </a:br>
            <a:r>
              <a:rPr lang="pl-pl"/>
              <a:t>Czy możesz być całym sobą w pracy?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5452DD23-E3FE-4F96-83C0-338ECBAA70C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pic>
        <p:nvPicPr>
          <p:cNvPr id="25" name="Plassholder for bilde 24" descr="Et bilde som inneholder person, mann, vegg, poserer&#10;&#10;Automatisk generert beskrivelse">
            <a:extLst>
              <a:ext uri="{FF2B5EF4-FFF2-40B4-BE49-F238E27FC236}">
                <a16:creationId xmlns:a16="http://schemas.microsoft.com/office/drawing/2014/main" id="{3D9D25F2-77B1-4604-A781-1A6DB5BEE1C8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809998"/>
            <a:ext cx="3522662" cy="5228852"/>
          </a:xfrm>
        </p:spPr>
      </p:pic>
    </p:spTree>
    <p:extLst>
      <p:ext uri="{BB962C8B-B14F-4D97-AF65-F5344CB8AC3E}">
        <p14:creationId xmlns:p14="http://schemas.microsoft.com/office/powerpoint/2010/main" val="707485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6E71DEDF-11C4-4038-8D7E-43DFABEB9AB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pic>
        <p:nvPicPr>
          <p:cNvPr id="10" name="Plassholder for bilde 9" descr="Et bilde som inneholder tekst&#10;&#10;Automatisk generert beskrivelse">
            <a:extLst>
              <a:ext uri="{FF2B5EF4-FFF2-40B4-BE49-F238E27FC236}">
                <a16:creationId xmlns:a16="http://schemas.microsoft.com/office/drawing/2014/main" id="{8ACADCFF-34BC-4864-9EC9-D113A81F8250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8324FB0A-AA7D-4567-9A07-E3941C31D1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Czym jest środowisko pracy?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8E6FACF9-BB42-4CA7-9A7D-A8E83373445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pl-pl"/>
              <a:t>Środowisko pracy to warunki, jakie mają pracownicy w miejscu pracy.</a:t>
            </a:r>
          </a:p>
          <a:p>
            <a:pPr rtl="0"/>
            <a:endParaRPr lang="nb-NO" dirty="0"/>
          </a:p>
          <a:p>
            <a:pPr rtl="0"/>
            <a:r>
              <a:rPr lang="pl-pl"/>
              <a:t>Środowisko pracy to sposób, w jaki organizujemy, planujemy i wykonujemy pracę.</a:t>
            </a:r>
          </a:p>
          <a:p>
            <a:pPr rtl="0"/>
            <a:endParaRPr lang="nb-NO" dirty="0"/>
          </a:p>
          <a:p>
            <a:pPr rtl="0"/>
            <a:r>
              <a:rPr lang="pl-pl"/>
              <a:t>Wygląda to różnie zależności od miejsca pracy i wymaga różnych podejść.</a:t>
            </a:r>
          </a:p>
          <a:p>
            <a:pPr rtl="0"/>
            <a:endParaRPr lang="nb-NO" dirty="0"/>
          </a:p>
          <a:p>
            <a:pPr rtl="0"/>
            <a:r>
              <a:rPr lang="pl-pl"/>
              <a:t>Środowisko pracy wpływa na zdrowie, zaangażowanie w pracę oraz wyniki i produktywność firmy.</a:t>
            </a:r>
          </a:p>
          <a:p>
            <a:pPr rtl="0"/>
            <a:endParaRPr lang="nb-NO" dirty="0"/>
          </a:p>
          <a:p>
            <a:pPr marL="0" indent="0" rtl="0">
              <a:buNone/>
            </a:pPr>
            <a:r>
              <a:rPr lang="pl-pl" sz="1200"/>
              <a:t>Źródło: STAMI i Store norske leksikon</a:t>
            </a:r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6BFB0C95-10E5-462A-87FB-F319942688C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855C11C-AABA-443E-99F1-5DF6EB8380AB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33974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E02A9ED-FAEC-4720-861F-19186F4D0F9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6584455C-80DF-4436-AF8A-79C8B0DE1D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Środowisko pracy można podzielić na cztery elementy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01985602-61D9-44C3-A84E-1EA603AFBE7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Psychospołe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jak odbieramy sytuację i treść pracy, a także interakcje międzyludzkie w pracy. 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Organizacyj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jak praca jest organizowana, przygotowywana i rozdzielana między nas jako współpracowników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Fizy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jak praca wpływa na nasz organizm, zarówno po krótkim, jak i po długim czasie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Chemiczne i biologi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czy jesteśmy narażeni na działanie substancji chemicznych i biologicznych.</a:t>
            </a:r>
            <a:endParaRPr lang="nb-NO" b="1" dirty="0"/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8A7E309B-083E-437F-8640-1056882DF00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C82E24D-58B0-4060-9D8E-F359459B7FF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  <p:pic>
        <p:nvPicPr>
          <p:cNvPr id="18" name="Picture Placeholder 11">
            <a:extLst>
              <a:ext uri="{FF2B5EF4-FFF2-40B4-BE49-F238E27FC236}">
                <a16:creationId xmlns:a16="http://schemas.microsoft.com/office/drawing/2014/main" id="{606C29D8-3DAA-48FF-A395-BD25F53C7B5A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416795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">
            <a:extLst>
              <a:ext uri="{FF2B5EF4-FFF2-40B4-BE49-F238E27FC236}">
                <a16:creationId xmlns:a16="http://schemas.microsoft.com/office/drawing/2014/main" id="{EF92FBF5-E054-4339-BE90-0E413AAD6B00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504D6F33-1B83-4210-B456-4CE3DD1E29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6121544" cy="1807472"/>
          </a:xfrm>
        </p:spPr>
        <p:txBody>
          <a:bodyPr rtlCol="0"/>
          <a:lstStyle/>
          <a:p>
            <a:pPr rtl="0"/>
            <a:r>
              <a:rPr lang="pl-pl" dirty="0"/>
              <a:t>Wszystkie te obszary mają wpływ na zdrowie, nieobecności i odchodzenie z pracy. Dlatego ważne jest, aby prewencyjnie i systematycznie pracować nad wszystkimi tymi punktami.</a:t>
            </a:r>
            <a:br>
              <a:rPr lang="nb-NO" dirty="0"/>
            </a:br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  <p:pic>
        <p:nvPicPr>
          <p:cNvPr id="18" name="Plassholder for bilde 17" descr="Et bilde som inneholder person, utendørs&#10;&#10;Automatisk generert beskrivelse">
            <a:extLst>
              <a:ext uri="{FF2B5EF4-FFF2-40B4-BE49-F238E27FC236}">
                <a16:creationId xmlns:a16="http://schemas.microsoft.com/office/drawing/2014/main" id="{4B338D5B-BE11-4B7E-AF09-41EAF813B910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58260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4B3A0060-8173-4B79-9978-A9E2BD70991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A934A7C1-C559-47AC-BF39-69EDCFF62F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 sz="2800" dirty="0"/>
              <a:t>W tym roku przyglądamy się w szczególności tym dwóm elementom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10752F-4D31-42AF-A4D3-5EB54725BA16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Psychospołe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jak odbieramy sytuację i treść pracy, a także interakcje międzyludzkie w pracy. 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/>
              <a:t>Organizacyj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/>
              <a:t>To, jak praca jest organizowana, przygotowywana i rozdzielana między nas jako współpracowników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>
                <a:solidFill>
                  <a:schemeClr val="bg1">
                    <a:lumMod val="85000"/>
                  </a:schemeClr>
                </a:solidFill>
              </a:rPr>
              <a:t>Fizy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>
                <a:solidFill>
                  <a:schemeClr val="bg1">
                    <a:lumMod val="85000"/>
                  </a:schemeClr>
                </a:solidFill>
              </a:rPr>
              <a:t>To, jak praca wpływa na nasz organizm, zarówno po krótkim, jak i po długim czasie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 rtl="0">
              <a:buFont typeface="Arial" panose="020B0604020202020204" pitchFamily="34" charset="0"/>
              <a:buChar char="•"/>
            </a:pPr>
            <a:r>
              <a:rPr lang="pl-pl" b="1">
                <a:solidFill>
                  <a:schemeClr val="bg1">
                    <a:lumMod val="85000"/>
                  </a:schemeClr>
                </a:solidFill>
              </a:rPr>
              <a:t>Chemiczne i biologiczne środowisko pracy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pl-pl">
                <a:solidFill>
                  <a:schemeClr val="bg1">
                    <a:lumMod val="85000"/>
                  </a:schemeClr>
                </a:solidFill>
              </a:rPr>
              <a:t>To, czy jesteśmy narażeni na działanie substancji chemicznych i biologicznych</a:t>
            </a: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 lvl="1" rtl="0">
              <a:buFont typeface="Arial" panose="020B0604020202020204" pitchFamily="34" charset="0"/>
              <a:buChar char="•"/>
            </a:pPr>
            <a:endParaRPr lang="nb-NO" dirty="0"/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5EACB891-5C92-4277-9DCF-963C19572D2C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78F38987-E0DA-4783-9DE6-F249D830F83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  <p:pic>
        <p:nvPicPr>
          <p:cNvPr id="14" name="Picture Placeholder 11">
            <a:extLst>
              <a:ext uri="{FF2B5EF4-FFF2-40B4-BE49-F238E27FC236}">
                <a16:creationId xmlns:a16="http://schemas.microsoft.com/office/drawing/2014/main" id="{30A146AB-8264-4F92-8EF9-A074642C01E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3592342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Placeholder 1">
            <a:extLst>
              <a:ext uri="{FF2B5EF4-FFF2-40B4-BE49-F238E27FC236}">
                <a16:creationId xmlns:a16="http://schemas.microsoft.com/office/drawing/2014/main" id="{1E88B423-041C-4484-98ED-7F03D909BF9C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2002" cy="5228852"/>
          </a:xfrm>
        </p:spPr>
      </p:pic>
      <p:pic>
        <p:nvPicPr>
          <p:cNvPr id="8" name="Plassholder for bilde 7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13FCDF09-E895-4E99-97C9-D2BF7ADC5C79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0" y="809998"/>
            <a:ext cx="3522663" cy="2480400"/>
          </a:xfrm>
        </p:spPr>
      </p:pic>
      <p:pic>
        <p:nvPicPr>
          <p:cNvPr id="10" name="Plassholder for bilde 9" descr="Et bilde som inneholder person&#10;&#10;Automatisk generert beskrivelse">
            <a:extLst>
              <a:ext uri="{FF2B5EF4-FFF2-40B4-BE49-F238E27FC236}">
                <a16:creationId xmlns:a16="http://schemas.microsoft.com/office/drawing/2014/main" id="{E5C629D1-871E-4C51-A891-E445A8D612B7}"/>
              </a:ext>
            </a:extLst>
          </p:cNvPr>
          <p:cNvPicPr>
            <a:picLocks noGrp="1" noChangeAspect="1"/>
          </p:cNvPicPr>
          <p:nvPr>
            <p:ph type="pic" sz="quarter" idx="28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3560400"/>
            <a:ext cx="3522662" cy="2480400"/>
          </a:xfrm>
        </p:spPr>
      </p:pic>
      <p:sp>
        <p:nvSpPr>
          <p:cNvPr id="5" name="Tittel 4">
            <a:extLst>
              <a:ext uri="{FF2B5EF4-FFF2-40B4-BE49-F238E27FC236}">
                <a16:creationId xmlns:a16="http://schemas.microsoft.com/office/drawing/2014/main" id="{72C864B3-5FC3-48D6-AEF3-32774BC391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/>
              <a:t>Czy możesz być całym sobą w pracy?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6F236774-455E-4823-B3E3-1092FD355957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8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88622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35C1C8D0-CD4C-4714-AD87-E8CC7BE80BE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9</a:t>
            </a:fld>
            <a:endParaRPr lang="nb-NO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3794179E-F7D3-48F9-827E-765B53A942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pl-PL" dirty="0">
                <a:hlinkClick r:id="rId2"/>
              </a:rPr>
              <a:t>Pokaż film</a:t>
            </a:r>
            <a:endParaRPr lang="nb-NO" dirty="0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4D47672-2C7F-4994-A901-389D91242A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1206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4="http://schemas.microsoft.com/office/drawing/2010/main" xmlns:a16="http://schemas.microsoft.com/office/drawing/2014/main" xmlns:asvg="http://schemas.microsoft.com/office/drawing/2016/SVG/main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d186b646-8ec3-4981-97fb-7fbd544c138c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f646f611-eb9f-4183-9347-bb441393d38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909ba932-6bc4-4cc4-9c28-cacf9102fb7e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2b1506d3-4c4f-4fba-ab15-dfa6b3c3cea9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b13dcd88-75c0-45bd-a714-21f3567bcc87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3.xml><?xml version="1.0" encoding="utf-8"?>
<TemplafyTemplateConfiguration><![CDATA[{"elementsMetadata":[{"type":"shape","id":"be896c7b-478c-4ee6-aaf1-e96ad096556e","elementConfiguration":{"binding":"Form.Footer","disableUpdates":false,"type":"text"}},{"type":"shape","id":"0e9d449e-e9f5-4af5-8550-bd11b74f2c4f","elementConfiguration":{"format":"{{DateFormats.GeneralDate}}","binding":"Form.Date","disableUpdates":false,"type":"date"}},{"type":"shape","id":"6766fc33-7541-4daa-baf1-435494098a51","elementConfiguration":{"binding":"Form.Footer","disableUpdates":false,"type":"text"}},{"type":"shape","id":"14fab98c-d9df-4420-b306-de4be1aa6b4d","elementConfiguration":{"format":"{{DateFormats.GeneralDate}}","binding":"Form.Date","disableUpdates":false,"type":"date"}},{"type":"shape","id":"68496081-e73f-4285-a1fe-2e02fbcfb6ae","elementConfiguration":{"binding":"Form.Footer","disableUpdates":false,"type":"text"}},{"type":"shape","id":"46aed2e5-3ac1-46fa-84fd-85d36442f7b7","elementConfiguration":{"format":"{{DateFormats.GeneralDate}}","binding":"Form.Date","disableUpdates":false,"type":"date"}},{"type":"shape","id":"9f2ed2ef-973c-48a3-995e-de2588c98cf0","elementConfiguration":{"binding":"Form.Footer","disableUpdates":false,"type":"text"}},{"type":"shape","id":"ce0d412b-4ecf-45d8-8fff-c78a5e9088ea","elementConfiguration":{"format":"{{DateFormats.GeneralDate}}","binding":"Form.Date","disableUpdates":false,"type":"date"}},{"type":"shape","id":"4c6b0f36-e881-4c7f-939e-d408bd5780c6","elementConfiguration":{"binding":"Form.Footer","disableUpdates":false,"type":"text"}},{"type":"shape","id":"73558291-99e8-4bb2-bbe9-7b108a94c934","elementConfiguration":{"binding":"Form.Footer","disableUpdates":false,"type":"text"}},{"type":"shape","id":"4a80987a-4438-4875-acb8-1ebb56a754aa","elementConfiguration":{"format":"{{DateFormats.GeneralDate}}","binding":"Form.Date","disableUpdates":false,"type":"date"}},{"type":"shape","id":"666fdd8d-9f3e-425d-aa28-65f087b83291","elementConfiguration":{"binding":"Form.Footer","disableUpdates":false,"type":"text"}},{"type":"shape","id":"0e68c20f-5c33-45d3-a014-80185ace1526","elementConfiguration":{"format":"{{DateFormats.GeneralDate}}","binding":"Form.Date","disableUpdates":false,"type":"date"}},{"type":"shape","id":"0df271a7-d9b5-454c-8cc2-adf8592b03be","elementConfiguration":{"binding":"Form.Footer","disableUpdates":false,"type":"text"}},{"type":"shape","id":"dba97f9d-a039-4d32-bc1f-7e9a1a006a93","elementConfiguration":{"binding":"Form.Footer","disableUpdates":false,"type":"text"}},{"type":"shape","id":"c76a40f7-4e36-46bf-b4b1-874c0d6a4626","elementConfiguration":{"binding":"Form.Footer","disableUpdates":false,"type":"text"}},{"type":"shape","id":"49b3375d-6b6e-4bb5-bd57-d1d9744c8838","elementConfiguration":{"format":"{{DateFormats.GeneralDate}}","binding":"Form.Date","disableUpdates":false,"type":"date"}},{"type":"shape","id":"6daa6f49-e761-4b0e-842b-49f548523209","elementConfiguration":{"binding":"Form.Footer","disableUpdates":false,"type":"text"}},{"type":"shape","id":"05f3f0e9-52d1-4204-8085-5a41356ad828","elementConfiguration":{"binding":"Form.Footer","disableUpdates":false,"type":"text"}},{"type":"shape","id":"4dd498e5-03d1-43c6-8f5d-cc2e8ea74b38","elementConfiguration":{"format":"{{DateFormats.GeneralDate}}","binding":"Form.Date","disableUpdates":false,"type":"date"}},{"type":"shape","id":"050b0b12-9144-4735-9d7c-18693880f753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4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Props1.xml><?xml version="1.0" encoding="utf-8"?>
<ds:datastoreItem xmlns:ds="http://schemas.openxmlformats.org/officeDocument/2006/customXml" ds:itemID="{D26AA085-4532-49D4-92C7-84E151780CCB}">
  <ds:schemaRefs/>
</ds:datastoreItem>
</file>

<file path=customXml/itemProps10.xml><?xml version="1.0" encoding="utf-8"?>
<ds:datastoreItem xmlns:ds="http://schemas.openxmlformats.org/officeDocument/2006/customXml" ds:itemID="{65EC060A-A282-4186-9BC0-29749DBBFB42}">
  <ds:schemaRefs/>
</ds:datastoreItem>
</file>

<file path=customXml/itemProps11.xml><?xml version="1.0" encoding="utf-8"?>
<ds:datastoreItem xmlns:ds="http://schemas.openxmlformats.org/officeDocument/2006/customXml" ds:itemID="{B110F952-0512-4414-9D74-97C3E9582A30}">
  <ds:schemaRefs/>
</ds:datastoreItem>
</file>

<file path=customXml/itemProps12.xml><?xml version="1.0" encoding="utf-8"?>
<ds:datastoreItem xmlns:ds="http://schemas.openxmlformats.org/officeDocument/2006/customXml" ds:itemID="{13D78C15-0DA3-45E0-A669-DBF2CDA40DA1}">
  <ds:schemaRefs/>
</ds:datastoreItem>
</file>

<file path=customXml/itemProps13.xml><?xml version="1.0" encoding="utf-8"?>
<ds:datastoreItem xmlns:ds="http://schemas.openxmlformats.org/officeDocument/2006/customXml" ds:itemID="{0C552C5F-9B3E-4C3A-ADF5-F363C9045BFA}">
  <ds:schemaRefs/>
</ds:datastoreItem>
</file>

<file path=customXml/itemProps14.xml><?xml version="1.0" encoding="utf-8"?>
<ds:datastoreItem xmlns:ds="http://schemas.openxmlformats.org/officeDocument/2006/customXml" ds:itemID="{7F41A3F0-128C-4E33-B205-9FAACA10CC9E}">
  <ds:schemaRefs/>
</ds:datastoreItem>
</file>

<file path=customXml/itemProps15.xml><?xml version="1.0" encoding="utf-8"?>
<ds:datastoreItem xmlns:ds="http://schemas.openxmlformats.org/officeDocument/2006/customXml" ds:itemID="{53CA4DCD-9856-41AF-B970-9FFEFC8944FC}">
  <ds:schemaRefs/>
</ds:datastoreItem>
</file>

<file path=customXml/itemProps16.xml><?xml version="1.0" encoding="utf-8"?>
<ds:datastoreItem xmlns:ds="http://schemas.openxmlformats.org/officeDocument/2006/customXml" ds:itemID="{8DC401BE-F44F-4C08-A50D-145656DAC038}">
  <ds:schemaRefs/>
</ds:datastoreItem>
</file>

<file path=customXml/itemProps2.xml><?xml version="1.0" encoding="utf-8"?>
<ds:datastoreItem xmlns:ds="http://schemas.openxmlformats.org/officeDocument/2006/customXml" ds:itemID="{A4B406F4-1251-4A88-8354-A2050A704DA8}">
  <ds:schemaRefs/>
</ds:datastoreItem>
</file>

<file path=customXml/itemProps3.xml><?xml version="1.0" encoding="utf-8"?>
<ds:datastoreItem xmlns:ds="http://schemas.openxmlformats.org/officeDocument/2006/customXml" ds:itemID="{EA1FE7B0-8006-489E-AE98-9950FE63513A}">
  <ds:schemaRefs/>
</ds:datastoreItem>
</file>

<file path=customXml/itemProps4.xml><?xml version="1.0" encoding="utf-8"?>
<ds:datastoreItem xmlns:ds="http://schemas.openxmlformats.org/officeDocument/2006/customXml" ds:itemID="{66FD51B9-83F1-43BC-AA96-BD43703FE846}">
  <ds:schemaRefs/>
</ds:datastoreItem>
</file>

<file path=customXml/itemProps5.xml><?xml version="1.0" encoding="utf-8"?>
<ds:datastoreItem xmlns:ds="http://schemas.openxmlformats.org/officeDocument/2006/customXml" ds:itemID="{409F21E5-E86F-4756-9B1B-C883E365BA73}">
  <ds:schemaRefs/>
</ds:datastoreItem>
</file>

<file path=customXml/itemProps6.xml><?xml version="1.0" encoding="utf-8"?>
<ds:datastoreItem xmlns:ds="http://schemas.openxmlformats.org/officeDocument/2006/customXml" ds:itemID="{E195EC0A-7CCE-44C4-AE37-D3AD7BF624CF}">
  <ds:schemaRefs/>
</ds:datastoreItem>
</file>

<file path=customXml/itemProps7.xml><?xml version="1.0" encoding="utf-8"?>
<ds:datastoreItem xmlns:ds="http://schemas.openxmlformats.org/officeDocument/2006/customXml" ds:itemID="{3A41DC27-7883-4BB3-818E-986BAFEFA523}">
  <ds:schemaRefs/>
</ds:datastoreItem>
</file>

<file path=customXml/itemProps8.xml><?xml version="1.0" encoding="utf-8"?>
<ds:datastoreItem xmlns:ds="http://schemas.openxmlformats.org/officeDocument/2006/customXml" ds:itemID="{8C6545C5-5FC3-4F21-B6CA-17ED56311BD8}">
  <ds:schemaRefs/>
</ds:datastoreItem>
</file>

<file path=customXml/itemProps9.xml><?xml version="1.0" encoding="utf-8"?>
<ds:datastoreItem xmlns:ds="http://schemas.openxmlformats.org/officeDocument/2006/customXml" ds:itemID="{DDA4D963-764D-4BEF-95A2-5B50FA316A98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41</Words>
  <Application>Microsoft Office PowerPoint</Application>
  <PresentationFormat>Widescreen</PresentationFormat>
  <Paragraphs>81</Paragraphs>
  <Slides>12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2</vt:i4>
      </vt:variant>
    </vt:vector>
  </HeadingPairs>
  <TitlesOfParts>
    <vt:vector size="15" baseType="lpstr">
      <vt:lpstr>Veidekke Favorit Offc</vt:lpstr>
      <vt:lpstr>Arial</vt:lpstr>
      <vt:lpstr>Blank</vt:lpstr>
      <vt:lpstr>Czy możesz być całym sobą w pracy?</vt:lpstr>
      <vt:lpstr>Jak zrealizować wspólny program?</vt:lpstr>
      <vt:lpstr>Tematem Tygodnia BHP 2022 jest środowisko pracy   Czy możesz być całym sobą w pracy?</vt:lpstr>
      <vt:lpstr>Czym jest środowisko pracy?</vt:lpstr>
      <vt:lpstr>Środowisko pracy można podzielić na cztery elementy</vt:lpstr>
      <vt:lpstr>Wszystkie te obszary mają wpływ na zdrowie, nieobecności i odchodzenie z pracy. Dlatego ważne jest, aby prewencyjnie i systematycznie pracować nad wszystkimi tymi punktami. </vt:lpstr>
      <vt:lpstr>W tym roku przyglądamy się w szczególności tym dwóm elementom</vt:lpstr>
      <vt:lpstr>Czy możesz być całym sobą w pracy?</vt:lpstr>
      <vt:lpstr>Pokaż film</vt:lpstr>
      <vt:lpstr>Ćwiczenia refleksyjne po filmie</vt:lpstr>
      <vt:lpstr>Ćwiczenia refleksyjne</vt:lpstr>
      <vt:lpstr>Dziękujemy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26T08:44:00Z</dcterms:created>
  <dcterms:modified xsi:type="dcterms:W3CDTF">2022-08-26T07:16:0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749448602099390</vt:lpwstr>
  </property>
  <property fmtid="{D5CDD505-2E9C-101B-9397-08002B2CF9AE}" pid="5" name="TemplafyLanguageCode">
    <vt:lpwstr>nb-NO</vt:lpwstr>
  </property>
</Properties>
</file>